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tl="1" saveSubsetFonts="1">
  <p:sldMasterIdLst>
    <p:sldMasterId id="2147483648" r:id="rId4"/>
    <p:sldMasterId id="2147483660" r:id="rId5"/>
  </p:sldMasterIdLst>
  <p:notesMasterIdLst>
    <p:notesMasterId r:id="rId17"/>
  </p:notesMasterIdLst>
  <p:handoutMasterIdLst>
    <p:handoutMasterId r:id="rId18"/>
  </p:handoutMasterIdLst>
  <p:sldIdLst>
    <p:sldId id="307" r:id="rId6"/>
    <p:sldId id="270" r:id="rId7"/>
    <p:sldId id="300" r:id="rId8"/>
    <p:sldId id="323" r:id="rId9"/>
    <p:sldId id="309" r:id="rId10"/>
    <p:sldId id="259" r:id="rId11"/>
    <p:sldId id="337" r:id="rId12"/>
    <p:sldId id="329" r:id="rId13"/>
    <p:sldId id="313" r:id="rId14"/>
    <p:sldId id="305" r:id="rId15"/>
    <p:sldId id="316" r:id="rId16"/>
  </p:sldIdLst>
  <p:sldSz cx="9144000" cy="6858000" type="screen4x3"/>
  <p:notesSz cx="6819900" cy="9918700"/>
  <p:defaultTextStyle>
    <a:defPPr>
      <a:defRPr lang="he-IL"/>
    </a:defPPr>
    <a:lvl1pPr marL="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85000" autoAdjust="0"/>
    <p:restoredTop sz="94643" autoAdjust="0"/>
  </p:normalViewPr>
  <p:slideViewPr>
    <p:cSldViewPr>
      <p:cViewPr varScale="1">
        <p:scale>
          <a:sx n="68" d="100"/>
          <a:sy n="68" d="100"/>
        </p:scale>
        <p:origin x="1264" y="4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10" Type="http://schemas.openxmlformats.org/officeDocument/2006/relationships/slide" Target="slides/slide5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עליונה 1"/>
          <p:cNvSpPr>
            <a:spLocks noGrp="1"/>
          </p:cNvSpPr>
          <p:nvPr>
            <p:ph type="hdr" sz="quarter"/>
          </p:nvPr>
        </p:nvSpPr>
        <p:spPr>
          <a:xfrm>
            <a:off x="3863975" y="0"/>
            <a:ext cx="2955925" cy="496888"/>
          </a:xfrm>
          <a:prstGeom prst="rect">
            <a:avLst/>
          </a:prstGeom>
        </p:spPr>
        <p:txBody>
          <a:bodyPr vert="horz" lIns="91440" tIns="45720" rIns="91440" bIns="45720" rtlCol="1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quarter" idx="1"/>
          </p:nvPr>
        </p:nvSpPr>
        <p:spPr>
          <a:xfrm>
            <a:off x="1588" y="0"/>
            <a:ext cx="2955925" cy="496888"/>
          </a:xfrm>
          <a:prstGeom prst="rect">
            <a:avLst/>
          </a:prstGeom>
        </p:spPr>
        <p:txBody>
          <a:bodyPr vert="horz" lIns="91440" tIns="45720" rIns="91440" bIns="45720" rtlCol="1"/>
          <a:lstStyle>
            <a:lvl1pPr algn="l">
              <a:defRPr sz="1200"/>
            </a:lvl1pPr>
          </a:lstStyle>
          <a:p>
            <a:fld id="{61111748-2BF6-4062-A968-B2B34B68CB78}" type="datetimeFigureOut">
              <a:rPr lang="he-IL" smtClean="0"/>
              <a:t>ו'/אדר א/תשפ"ב</a:t>
            </a:fld>
            <a:endParaRPr lang="he-IL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2"/>
          </p:nvPr>
        </p:nvSpPr>
        <p:spPr>
          <a:xfrm>
            <a:off x="3863975" y="9421813"/>
            <a:ext cx="2955925" cy="496887"/>
          </a:xfrm>
          <a:prstGeom prst="rect">
            <a:avLst/>
          </a:prstGeom>
        </p:spPr>
        <p:txBody>
          <a:bodyPr vert="horz" lIns="91440" tIns="45720" rIns="91440" bIns="45720" rtlCol="1" anchor="b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3"/>
          </p:nvPr>
        </p:nvSpPr>
        <p:spPr>
          <a:xfrm>
            <a:off x="1588" y="9421813"/>
            <a:ext cx="2955925" cy="496887"/>
          </a:xfrm>
          <a:prstGeom prst="rect">
            <a:avLst/>
          </a:prstGeom>
        </p:spPr>
        <p:txBody>
          <a:bodyPr vert="horz" lIns="91440" tIns="45720" rIns="91440" bIns="45720" rtlCol="1" anchor="b"/>
          <a:lstStyle>
            <a:lvl1pPr algn="l">
              <a:defRPr sz="1200"/>
            </a:lvl1pPr>
          </a:lstStyle>
          <a:p>
            <a:fld id="{5785CA76-E954-411A-9717-8F0A1C2448BB}" type="slidenum">
              <a:rPr lang="he-IL" smtClean="0"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22041303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עליונה 1"/>
          <p:cNvSpPr>
            <a:spLocks noGrp="1"/>
          </p:cNvSpPr>
          <p:nvPr>
            <p:ph type="hdr" sz="quarter"/>
          </p:nvPr>
        </p:nvSpPr>
        <p:spPr>
          <a:xfrm>
            <a:off x="3864610" y="0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idx="1"/>
          </p:nvPr>
        </p:nvSpPr>
        <p:spPr>
          <a:xfrm>
            <a:off x="1579" y="0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/>
          <a:lstStyle>
            <a:lvl1pPr algn="l">
              <a:defRPr sz="1200"/>
            </a:lvl1pPr>
          </a:lstStyle>
          <a:p>
            <a:fld id="{5AC1D32F-C9F3-477F-801B-5C9DFD4457F1}" type="datetimeFigureOut">
              <a:rPr lang="he-IL" smtClean="0"/>
              <a:t>ו'/אדר א/תשפ"ב</a:t>
            </a:fld>
            <a:endParaRPr lang="he-IL"/>
          </a:p>
        </p:txBody>
      </p:sp>
      <p:sp>
        <p:nvSpPr>
          <p:cNvPr id="4" name="מציין מיקום של תמונת שקופית 3"/>
          <p:cNvSpPr>
            <a:spLocks noGrp="1" noRot="1" noChangeAspect="1"/>
          </p:cNvSpPr>
          <p:nvPr>
            <p:ph type="sldImg" idx="2"/>
          </p:nvPr>
        </p:nvSpPr>
        <p:spPr>
          <a:xfrm>
            <a:off x="1177925" y="1239838"/>
            <a:ext cx="4464050" cy="33480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184" tIns="45592" rIns="91184" bIns="45592" rtlCol="1" anchor="ctr"/>
          <a:lstStyle/>
          <a:p>
            <a:endParaRPr lang="he-IL"/>
          </a:p>
        </p:txBody>
      </p:sp>
      <p:sp>
        <p:nvSpPr>
          <p:cNvPr id="5" name="מציין מיקום של הערות 4"/>
          <p:cNvSpPr>
            <a:spLocks noGrp="1"/>
          </p:cNvSpPr>
          <p:nvPr>
            <p:ph type="body" sz="quarter" idx="3"/>
          </p:nvPr>
        </p:nvSpPr>
        <p:spPr>
          <a:xfrm>
            <a:off x="681990" y="4772968"/>
            <a:ext cx="5455920" cy="3905300"/>
          </a:xfrm>
          <a:prstGeom prst="rect">
            <a:avLst/>
          </a:prstGeom>
        </p:spPr>
        <p:txBody>
          <a:bodyPr vert="horz" lIns="91184" tIns="45592" rIns="91184" bIns="45592" rtlCol="1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4"/>
          </p:nvPr>
        </p:nvSpPr>
        <p:spPr>
          <a:xfrm>
            <a:off x="3864610" y="9422209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 anchor="b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5"/>
          </p:nvPr>
        </p:nvSpPr>
        <p:spPr>
          <a:xfrm>
            <a:off x="1579" y="9422209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 anchor="b"/>
          <a:lstStyle>
            <a:lvl1pPr algn="l">
              <a:defRPr sz="1200"/>
            </a:lvl1pPr>
          </a:lstStyle>
          <a:p>
            <a:fld id="{397BE6E9-4283-4C48-B4B0-B776D321750F}" type="slidenum">
              <a:rPr lang="he-IL" smtClean="0"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5171498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מונת שקופית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מציין מיקום של הערות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97BE6E9-4283-4C48-B4B0-B776D321750F}" type="slidenum">
              <a:rPr lang="he-IL" smtClean="0"/>
              <a:t>5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83183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he-IL"/>
              <a:t>לחץ כדי לערוך סגנון כותרת משנה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8AB74-BF8E-4229-9108-A05EE6C3F0CB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65C41-26D7-4C5E-8763-61B36B807E6F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A7B2DF-4C6A-4AA0-BD15-422F653BD131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685800" y="2130427"/>
            <a:ext cx="7772400" cy="1470025"/>
          </a:xfrm>
        </p:spPr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he-IL"/>
              <a:t>לחץ כדי לערוך סגנון כותרת משנה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8AB74-BF8E-4229-9108-A05EE6C3F0CB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27418730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92C3C-F13D-4520-A776-342BB3AA50A6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414462415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722313" y="4406902"/>
            <a:ext cx="7772400" cy="1362075"/>
          </a:xfrm>
        </p:spPr>
        <p:txBody>
          <a:bodyPr anchor="t"/>
          <a:lstStyle>
            <a:lvl1pPr algn="r">
              <a:defRPr sz="3000" b="1" cap="all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3963E9-F6F3-4942-97F8-8B62BA5CAF7F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73454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457200" y="1600202"/>
            <a:ext cx="4038600" cy="4525963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648200" y="1600202"/>
            <a:ext cx="4038600" cy="4525963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974067-7F5D-4844-845F-54E0E87C0291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428705526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4645026" y="1535113"/>
            <a:ext cx="4041775" cy="63976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4645026" y="2174875"/>
            <a:ext cx="4041775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85DB-9310-434B-B426-B39F93CAD2F5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95305139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32209A-86C3-4BD9-BD21-F88E20329CE2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7307344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E6D4D-FA23-4E66-9C0D-1E746D9E5DCD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19277550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1" y="273050"/>
            <a:ext cx="3008313" cy="1162050"/>
          </a:xfrm>
        </p:spPr>
        <p:txBody>
          <a:bodyPr anchor="b"/>
          <a:lstStyle>
            <a:lvl1pPr algn="r">
              <a:defRPr sz="15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3575050" y="273052"/>
            <a:ext cx="5111750" cy="5853113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457201" y="1435102"/>
            <a:ext cx="3008313" cy="4691063"/>
          </a:xfrm>
        </p:spPr>
        <p:txBody>
          <a:bodyPr/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A675E4-FC68-440B-89A3-835E0FA25796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292379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92C3C-F13D-4520-A776-342BB3AA50A6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r">
              <a:defRPr sz="15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050"/>
            </a:lvl1pPr>
            <a:lvl2pPr marL="342900" indent="0">
              <a:buNone/>
              <a:defRPr sz="900"/>
            </a:lvl2pPr>
            <a:lvl3pPr marL="685800" indent="0">
              <a:buNone/>
              <a:defRPr sz="750"/>
            </a:lvl3pPr>
            <a:lvl4pPr marL="1028700" indent="0">
              <a:buNone/>
              <a:defRPr sz="675"/>
            </a:lvl4pPr>
            <a:lvl5pPr marL="1371600" indent="0">
              <a:buNone/>
              <a:defRPr sz="675"/>
            </a:lvl5pPr>
            <a:lvl6pPr marL="1714500" indent="0">
              <a:buNone/>
              <a:defRPr sz="675"/>
            </a:lvl6pPr>
            <a:lvl7pPr marL="2057400" indent="0">
              <a:buNone/>
              <a:defRPr sz="675"/>
            </a:lvl7pPr>
            <a:lvl8pPr marL="2400300" indent="0">
              <a:buNone/>
              <a:defRPr sz="675"/>
            </a:lvl8pPr>
            <a:lvl9pPr marL="2743200" indent="0">
              <a:buNone/>
              <a:defRPr sz="675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EB6015-C639-4130-B1C9-BE837B5A237E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90695718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65C41-26D7-4C5E-8763-61B36B807E6F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5419930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6629400" y="274640"/>
            <a:ext cx="2057400" cy="5851525"/>
          </a:xfrm>
        </p:spPr>
        <p:txBody>
          <a:bodyPr vert="eaVert"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457200" y="274640"/>
            <a:ext cx="6019800" cy="5851525"/>
          </a:xfrm>
        </p:spPr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A7B2DF-4C6A-4AA0-BD15-422F653BD131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05900525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r">
              <a:defRPr sz="4000" b="1" cap="all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3963E9-F6F3-4942-97F8-8B62BA5CAF7F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974067-7F5D-4844-845F-54E0E87C0291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85DB-9310-434B-B426-B39F93CAD2F5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32209A-86C3-4BD9-BD21-F88E20329CE2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E6D4D-FA23-4E66-9C0D-1E746D9E5DCD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A675E4-FC68-440B-89A3-835E0FA25796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EB6015-C639-4130-B1C9-BE837B5A237E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2BFB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1AD1D1-BC26-4713-827F-28DDAC21265E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  <p:sp>
        <p:nvSpPr>
          <p:cNvPr id="8" name="תיבת טקסט 7">
            <a:extLst>
              <a:ext uri="{FF2B5EF4-FFF2-40B4-BE49-F238E27FC236}">
                <a16:creationId xmlns:a16="http://schemas.microsoft.com/office/drawing/2014/main" id="{5EA42468-5B4D-4748-9A15-EBF8DB223844}"/>
              </a:ext>
            </a:extLst>
          </p:cNvPr>
          <p:cNvSpPr txBox="1"/>
          <p:nvPr userDrawn="1">
            <p:extLst>
              <p:ext uri="{1162E1C5-73C7-4A58-AE30-91384D911F3F}">
                <p184:classification xmlns:p184="http://schemas.microsoft.com/office/powerpoint/2018/4/main" xmlns="" val="hdr"/>
              </p:ext>
            </p:extLst>
          </p:nvPr>
        </p:nvSpPr>
        <p:spPr>
          <a:xfrm>
            <a:off x="4259263" y="0"/>
            <a:ext cx="469963" cy="152400"/>
          </a:xfrm>
          <a:prstGeom prst="rect">
            <a:avLst/>
          </a:prstGeom>
        </p:spPr>
        <p:txBody>
          <a:bodyPr horzOverflow="overflow" lIns="0" tIns="0" rIns="0" bIns="0">
            <a:spAutoFit/>
          </a:bodyPr>
          <a:lstStyle/>
          <a:p>
            <a:pPr algn="ctr"/>
            <a:r>
              <a:rPr lang="he-IL" sz="100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- בלמ"ס -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ctr" defTabSz="914400" rtl="1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r" defTabSz="914400" rtl="1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r" defTabSz="914400" rtl="1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r" defTabSz="914400" rtl="1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r" defTabSz="914400" rtl="1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e-IL"/>
      </a:defPPr>
      <a:lvl1pPr marL="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5E9EFF"/>
            </a:gs>
            <a:gs pos="39999">
              <a:srgbClr val="85C2FF"/>
            </a:gs>
            <a:gs pos="70000">
              <a:srgbClr val="C4D6EB"/>
            </a:gs>
            <a:gs pos="100000">
              <a:srgbClr val="FFEBFA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600202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1AD1D1-BC26-4713-827F-28DDAC21265E}" type="datetime8">
              <a:rPr lang="he-IL" smtClean="0"/>
              <a:t>07 פברואר 22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5315979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hf hdr="0" ftr="0" dt="0"/>
  <p:txStyles>
    <p:titleStyle>
      <a:lvl1pPr algn="ctr" defTabSz="685800" rtl="1" eaLnBrk="1" latinLnBrk="0" hangingPunct="1"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7175" indent="-257175" algn="r" defTabSz="685800" rtl="1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57213" indent="-214313" algn="r" defTabSz="685800" rtl="1" eaLnBrk="1" latinLnBrk="0" hangingPunct="1">
        <a:spcBef>
          <a:spcPct val="20000"/>
        </a:spcBef>
        <a:buFont typeface="Arial" pitchFamily="34" charset="0"/>
        <a:buChar char="–"/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r" defTabSz="685800" rtl="1" eaLnBrk="1" latinLnBrk="0" hangingPunct="1">
        <a:spcBef>
          <a:spcPct val="20000"/>
        </a:spcBef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r" defTabSz="685800" rtl="1" eaLnBrk="1" latinLnBrk="0" hangingPunct="1">
        <a:spcBef>
          <a:spcPct val="20000"/>
        </a:spcBef>
        <a:buFont typeface="Arial" pitchFamily="34" charset="0"/>
        <a:buChar char="–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r" defTabSz="685800" rtl="1" eaLnBrk="1" latinLnBrk="0" hangingPunct="1">
        <a:spcBef>
          <a:spcPct val="20000"/>
        </a:spcBef>
        <a:buFont typeface="Arial" pitchFamily="34" charset="0"/>
        <a:buChar char="»"/>
        <a:defRPr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r" defTabSz="685800" rtl="1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r" defTabSz="685800" rtl="1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r" defTabSz="685800" rtl="1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r" defTabSz="685800" rtl="1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e-IL"/>
      </a:defPPr>
      <a:lvl1pPr marL="0" algn="r" defTabSz="685800" rtl="1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r" defTabSz="685800" rtl="1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r" defTabSz="685800" rtl="1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r" defTabSz="685800" rtl="1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r" defTabSz="685800" rtl="1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r" defTabSz="685800" rtl="1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r" defTabSz="685800" rtl="1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r" defTabSz="685800" rtl="1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r" defTabSz="685800" rtl="1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7.jpeg"/><Relationship Id="rId4" Type="http://schemas.openxmlformats.org/officeDocument/2006/relationships/image" Target="../media/image6.jpe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-152400"/>
            <a:ext cx="8534400" cy="963754"/>
          </a:xfrm>
        </p:spPr>
        <p:txBody>
          <a:bodyPr>
            <a:noAutofit/>
          </a:bodyPr>
          <a:lstStyle/>
          <a:p>
            <a:r>
              <a:rPr lang="he-IL" sz="3400" b="1" dirty="0">
                <a:cs typeface="+mn-cs"/>
              </a:rPr>
              <a:t>הסימולציה המדינית-ביטחונית במחזור מ"ט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</a:t>
            </a:fld>
            <a:endParaRPr lang="he-IL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804CD5B-0736-4A78-B919-31AD39787A1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he-IL"/>
          </a:p>
        </p:txBody>
      </p:sp>
      <p:pic>
        <p:nvPicPr>
          <p:cNvPr id="9" name="מציין מיקום תוכן 5" descr="תמונה שמכילה אדם, בניין, קבוצה, לדגמן&#10;&#10;התיאור נוצר באופן אוטומטי">
            <a:extLst>
              <a:ext uri="{FF2B5EF4-FFF2-40B4-BE49-F238E27FC236}">
                <a16:creationId xmlns:a16="http://schemas.microsoft.com/office/drawing/2014/main" id="{4B9EC96E-38EE-4880-A93B-A5F08F537DB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4400" y="3886200"/>
            <a:ext cx="4232674" cy="3174506"/>
          </a:xfrm>
          <a:prstGeom prst="rect">
            <a:avLst/>
          </a:prstGeom>
        </p:spPr>
      </p:pic>
      <p:pic>
        <p:nvPicPr>
          <p:cNvPr id="11" name="תמונה 7">
            <a:extLst>
              <a:ext uri="{FF2B5EF4-FFF2-40B4-BE49-F238E27FC236}">
                <a16:creationId xmlns:a16="http://schemas.microsoft.com/office/drawing/2014/main" id="{C80B4ADC-4E11-487D-BE7B-35F167A3446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86400" y="1600200"/>
            <a:ext cx="3623072" cy="4830762"/>
          </a:xfrm>
          <a:prstGeom prst="rect">
            <a:avLst/>
          </a:prstGeom>
        </p:spPr>
      </p:pic>
      <p:pic>
        <p:nvPicPr>
          <p:cNvPr id="13" name="תמונה 9" descr="תמונה שמכילה אדם, קומה, מקורה&#10;&#10;התיאור נוצר באופן אוטומטי">
            <a:extLst>
              <a:ext uri="{FF2B5EF4-FFF2-40B4-BE49-F238E27FC236}">
                <a16:creationId xmlns:a16="http://schemas.microsoft.com/office/drawing/2014/main" id="{C7662B32-FA99-455F-B75E-69B9CD15C5B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1884" y="757859"/>
            <a:ext cx="4606526" cy="32580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79276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מציין מיקום תוכן 1"/>
          <p:cNvSpPr>
            <a:spLocks noGrp="1"/>
          </p:cNvSpPr>
          <p:nvPr>
            <p:ph idx="1"/>
          </p:nvPr>
        </p:nvSpPr>
        <p:spPr>
          <a:xfrm>
            <a:off x="457200" y="1417638"/>
            <a:ext cx="8229600" cy="4525963"/>
          </a:xfrm>
        </p:spPr>
        <p:txBody>
          <a:bodyPr>
            <a:normAutofit/>
          </a:bodyPr>
          <a:lstStyle/>
          <a:p>
            <a:pPr algn="just"/>
            <a:r>
              <a:rPr lang="he-IL" altLang="he-IL" dirty="0"/>
              <a:t>לשחק את המשחק "בראש של השחקן" </a:t>
            </a:r>
          </a:p>
          <a:p>
            <a:pPr algn="just"/>
            <a:r>
              <a:rPr lang="he-IL" altLang="he-IL" dirty="0"/>
              <a:t>לבצע מהלכים ריאליסטים עבור השחקן</a:t>
            </a:r>
          </a:p>
          <a:p>
            <a:pPr algn="just"/>
            <a:r>
              <a:rPr lang="he-IL" altLang="he-IL" dirty="0"/>
              <a:t>אין טעם בקיום פגישות בין שחקני המנהלת</a:t>
            </a:r>
          </a:p>
          <a:p>
            <a:pPr algn="just"/>
            <a:r>
              <a:rPr lang="he-IL" altLang="he-IL" dirty="0"/>
              <a:t>איתגור השחקנים מקרב משתתפי מב"ל, ככל שהדבר משרת את מטרות הסימולציה</a:t>
            </a:r>
          </a:p>
          <a:p>
            <a:pPr algn="just"/>
            <a:r>
              <a:rPr lang="he-IL" altLang="he-IL" dirty="0"/>
              <a:t>מתווכים למנהלת</a:t>
            </a:r>
          </a:p>
          <a:p>
            <a:pPr algn="just"/>
            <a:r>
              <a:rPr lang="he-IL" altLang="he-IL" dirty="0"/>
              <a:t>עבודה עם הקברנט – עדיפות לאנגלית</a:t>
            </a:r>
          </a:p>
          <a:p>
            <a:pPr algn="just"/>
            <a:endParaRPr lang="he-IL" altLang="he-IL" dirty="0"/>
          </a:p>
        </p:txBody>
      </p:sp>
      <p:sp>
        <p:nvSpPr>
          <p:cNvPr id="3" name="כותרת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>
              <a:defRPr/>
            </a:pPr>
            <a:r>
              <a:rPr lang="he-IL" b="1" dirty="0">
                <a:cs typeface="+mn-cs"/>
              </a:rPr>
              <a:t>דגשים למנהלת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0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79418296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152400"/>
            <a:ext cx="8229600" cy="1143000"/>
          </a:xfrm>
        </p:spPr>
        <p:txBody>
          <a:bodyPr>
            <a:normAutofit/>
          </a:bodyPr>
          <a:lstStyle/>
          <a:p>
            <a:r>
              <a:rPr lang="he-IL" sz="4000" b="1" dirty="0">
                <a:cs typeface="+mn-cs"/>
              </a:rPr>
              <a:t>דגשים למנהלת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609600" y="1371600"/>
            <a:ext cx="8229600" cy="4525963"/>
          </a:xfrm>
        </p:spPr>
        <p:txBody>
          <a:bodyPr/>
          <a:lstStyle/>
          <a:p>
            <a:r>
              <a:rPr lang="he-IL" dirty="0"/>
              <a:t>קוד לבוש ביומיים הראשונים – חליפות/ביגוד מסורתי</a:t>
            </a:r>
          </a:p>
          <a:p>
            <a:r>
              <a:rPr lang="he-IL" dirty="0"/>
              <a:t>ביטוי למנהגים (אוכל, משקאות, תשורות, תפילות)</a:t>
            </a:r>
          </a:p>
          <a:p>
            <a:r>
              <a:rPr lang="he-IL" dirty="0"/>
              <a:t>בריתות ותכסיסים, פייק ניוז</a:t>
            </a:r>
          </a:p>
          <a:p>
            <a:r>
              <a:rPr lang="he-IL" dirty="0"/>
              <a:t>שימוש בתקשורת הבינ"ל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1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3361894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48235" y="494088"/>
            <a:ext cx="8229600" cy="639762"/>
          </a:xfrm>
        </p:spPr>
        <p:txBody>
          <a:bodyPr>
            <a:noAutofit/>
          </a:bodyPr>
          <a:lstStyle/>
          <a:p>
            <a:r>
              <a:rPr lang="he-IL" sz="3600" b="1" dirty="0">
                <a:cs typeface="+mn-cs"/>
              </a:rPr>
              <a:t>הסימולציה המדינית-בטחונית במב"ל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33400" y="1600200"/>
            <a:ext cx="8229600" cy="4525963"/>
          </a:xfrm>
        </p:spPr>
        <p:txBody>
          <a:bodyPr>
            <a:normAutofit/>
          </a:bodyPr>
          <a:lstStyle/>
          <a:p>
            <a:pPr algn="just"/>
            <a:r>
              <a:rPr lang="he-IL" sz="2800" dirty="0"/>
              <a:t>22-23 בפברואר 2022</a:t>
            </a:r>
          </a:p>
          <a:p>
            <a:pPr algn="just"/>
            <a:r>
              <a:rPr lang="he-IL" sz="2800" dirty="0"/>
              <a:t>"הרמת מסך" – 24 בפברואר 2022 (חצי יום)</a:t>
            </a:r>
          </a:p>
          <a:p>
            <a:pPr algn="just"/>
            <a:r>
              <a:rPr lang="he-IL" sz="2800" dirty="0"/>
              <a:t>משחק פתוח מבוסס תרחיש עתידי מדומה בניהול מנהלת</a:t>
            </a:r>
          </a:p>
          <a:p>
            <a:pPr algn="just"/>
            <a:r>
              <a:rPr lang="he-IL" sz="2800" dirty="0"/>
              <a:t>ארוע מסכם ללימודי האסטרטגיה</a:t>
            </a:r>
          </a:p>
          <a:p>
            <a:pPr algn="just"/>
            <a:endParaRPr lang="he-IL" sz="2800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2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1631300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he-IL" sz="3600" b="1" dirty="0">
                <a:cs typeface="+mn-cs"/>
              </a:rPr>
              <a:t>מטרות הסימולציה המדינית-ביטחונית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64820" y="1600200"/>
            <a:ext cx="8229600" cy="4525963"/>
          </a:xfrm>
        </p:spPr>
        <p:txBody>
          <a:bodyPr>
            <a:normAutofit fontScale="92500"/>
          </a:bodyPr>
          <a:lstStyle/>
          <a:p>
            <a:pPr algn="just"/>
            <a:r>
              <a:rPr lang="he-IL" dirty="0"/>
              <a:t>תרגול חשיבה אסטרטגית וקבלת החלטות במצבי לחץ ומשבר</a:t>
            </a:r>
          </a:p>
          <a:p>
            <a:pPr algn="just"/>
            <a:r>
              <a:rPr lang="he-IL" dirty="0"/>
              <a:t>התנסות בגיבוש אסטרטגיה ויישומה במשחק דינמי </a:t>
            </a:r>
          </a:p>
          <a:p>
            <a:pPr algn="just"/>
            <a:r>
              <a:rPr lang="he-IL" dirty="0"/>
              <a:t>לימוד והתנסות בעולם התוכן המדיני</a:t>
            </a:r>
          </a:p>
          <a:p>
            <a:pPr algn="just"/>
            <a:r>
              <a:rPr lang="he-IL" dirty="0"/>
              <a:t>לימוד אינטראקטיבי של הסכסוך הישראלי-פלסטיני</a:t>
            </a:r>
          </a:p>
          <a:p>
            <a:pPr algn="just"/>
            <a:r>
              <a:rPr lang="he-IL" dirty="0"/>
              <a:t>היכרות מעמיקה עם שחקן חשוב אחד לפחות</a:t>
            </a:r>
          </a:p>
          <a:p>
            <a:pPr algn="just"/>
            <a:r>
              <a:rPr lang="he-IL" dirty="0"/>
              <a:t>תרגול מיומנויות בכירים (משא ומתן, רטוריקה, תקשורת)</a:t>
            </a:r>
          </a:p>
          <a:p>
            <a:pPr algn="just"/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3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246594843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48630D-8B37-4A9B-9D48-42ACCC9BFA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437364"/>
            <a:ext cx="8070573" cy="648089"/>
          </a:xfrm>
        </p:spPr>
        <p:txBody>
          <a:bodyPr>
            <a:normAutofit/>
          </a:bodyPr>
          <a:lstStyle/>
          <a:p>
            <a:pPr defTabSz="914400"/>
            <a:r>
              <a:rPr lang="he-IL" sz="3600" b="1" dirty="0">
                <a:cs typeface="+mn-cs"/>
              </a:rPr>
              <a:t>קבוצות משתתפי מב"ל בסימולציה</a:t>
            </a:r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32E327B4-51D1-41A7-9ADB-1BD15E2C909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374452578"/>
              </p:ext>
            </p:extLst>
          </p:nvPr>
        </p:nvGraphicFramePr>
        <p:xfrm>
          <a:off x="457200" y="1505339"/>
          <a:ext cx="7782339" cy="4659329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833109">
                  <a:extLst>
                    <a:ext uri="{9D8B030D-6E8A-4147-A177-3AD203B41FA5}">
                      <a16:colId xmlns:a16="http://schemas.microsoft.com/office/drawing/2014/main" val="1794394363"/>
                    </a:ext>
                  </a:extLst>
                </a:gridCol>
                <a:gridCol w="723359">
                  <a:extLst>
                    <a:ext uri="{9D8B030D-6E8A-4147-A177-3AD203B41FA5}">
                      <a16:colId xmlns:a16="http://schemas.microsoft.com/office/drawing/2014/main" val="2499945649"/>
                    </a:ext>
                  </a:extLst>
                </a:gridCol>
                <a:gridCol w="778234">
                  <a:extLst>
                    <a:ext uri="{9D8B030D-6E8A-4147-A177-3AD203B41FA5}">
                      <a16:colId xmlns:a16="http://schemas.microsoft.com/office/drawing/2014/main" val="2734756868"/>
                    </a:ext>
                  </a:extLst>
                </a:gridCol>
                <a:gridCol w="778234">
                  <a:extLst>
                    <a:ext uri="{9D8B030D-6E8A-4147-A177-3AD203B41FA5}">
                      <a16:colId xmlns:a16="http://schemas.microsoft.com/office/drawing/2014/main" val="1542014345"/>
                    </a:ext>
                  </a:extLst>
                </a:gridCol>
                <a:gridCol w="778234">
                  <a:extLst>
                    <a:ext uri="{9D8B030D-6E8A-4147-A177-3AD203B41FA5}">
                      <a16:colId xmlns:a16="http://schemas.microsoft.com/office/drawing/2014/main" val="863281553"/>
                    </a:ext>
                  </a:extLst>
                </a:gridCol>
                <a:gridCol w="778234">
                  <a:extLst>
                    <a:ext uri="{9D8B030D-6E8A-4147-A177-3AD203B41FA5}">
                      <a16:colId xmlns:a16="http://schemas.microsoft.com/office/drawing/2014/main" val="4112323027"/>
                    </a:ext>
                  </a:extLst>
                </a:gridCol>
                <a:gridCol w="665670">
                  <a:extLst>
                    <a:ext uri="{9D8B030D-6E8A-4147-A177-3AD203B41FA5}">
                      <a16:colId xmlns:a16="http://schemas.microsoft.com/office/drawing/2014/main" val="97534222"/>
                    </a:ext>
                  </a:extLst>
                </a:gridCol>
                <a:gridCol w="811977">
                  <a:extLst>
                    <a:ext uri="{9D8B030D-6E8A-4147-A177-3AD203B41FA5}">
                      <a16:colId xmlns:a16="http://schemas.microsoft.com/office/drawing/2014/main" val="960676221"/>
                    </a:ext>
                  </a:extLst>
                </a:gridCol>
                <a:gridCol w="857054">
                  <a:extLst>
                    <a:ext uri="{9D8B030D-6E8A-4147-A177-3AD203B41FA5}">
                      <a16:colId xmlns:a16="http://schemas.microsoft.com/office/drawing/2014/main" val="2844704371"/>
                    </a:ext>
                  </a:extLst>
                </a:gridCol>
                <a:gridCol w="778234">
                  <a:extLst>
                    <a:ext uri="{9D8B030D-6E8A-4147-A177-3AD203B41FA5}">
                      <a16:colId xmlns:a16="http://schemas.microsoft.com/office/drawing/2014/main" val="1023313853"/>
                    </a:ext>
                  </a:extLst>
                </a:gridCol>
              </a:tblGrid>
              <a:tr h="436434"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ישראל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ארה"ב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רש"פ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חמאס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מצרים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ירדן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רוסיה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אמירויות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טורקיה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877284022"/>
                  </a:ext>
                </a:extLst>
              </a:tr>
              <a:tr h="436434"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מדריך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אריק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מירב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אייל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/>
                        <a:t>אייל</a:t>
                      </a:r>
                      <a:endParaRPr lang="he-IL" sz="1100" b="1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יהודה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אלונה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אלונה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סמואל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סמואל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490083941"/>
                  </a:ext>
                </a:extLst>
              </a:tr>
              <a:tr h="436434"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מוביל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גו'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דרור לוי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ריקי אליאס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גלעד </a:t>
                      </a:r>
                      <a:r>
                        <a:rPr lang="he-IL" sz="1100" b="1" dirty="0" err="1"/>
                        <a:t>פרננדס</a:t>
                      </a:r>
                      <a:endParaRPr lang="he-IL" sz="1100" b="1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שי </a:t>
                      </a:r>
                      <a:r>
                        <a:rPr lang="he-IL" sz="1100" b="1" dirty="0" err="1"/>
                        <a:t>זונטג</a:t>
                      </a:r>
                      <a:endParaRPr lang="he-IL" sz="1100" b="1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שלומי </a:t>
                      </a:r>
                      <a:r>
                        <a:rPr lang="he-IL" sz="1100" b="1" dirty="0" err="1"/>
                        <a:t>קונפורטי</a:t>
                      </a:r>
                      <a:endParaRPr lang="he-IL" sz="1100" b="1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לים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marR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1100" b="1" dirty="0"/>
                        <a:t>אורן גיבר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יובל</a:t>
                      </a:r>
                      <a:r>
                        <a:rPr lang="he-IL" sz="1100" b="1" baseline="0" dirty="0"/>
                        <a:t> </a:t>
                      </a:r>
                      <a:r>
                        <a:rPr lang="he-IL" sz="1100" b="1" baseline="0" dirty="0" err="1"/>
                        <a:t>זליגר</a:t>
                      </a:r>
                      <a:endParaRPr lang="he-IL" sz="1100" b="1" dirty="0"/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031015094"/>
                  </a:ext>
                </a:extLst>
              </a:tr>
              <a:tr h="545474"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מס'</a:t>
                      </a:r>
                      <a:r>
                        <a:rPr lang="he-IL" sz="1100" b="1" baseline="0" dirty="0"/>
                        <a:t> 2</a:t>
                      </a:r>
                      <a:endParaRPr lang="he-IL" sz="1100" b="1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תומר כהן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0" dirty="0"/>
                        <a:t>יאיר פלאי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גל עשהאל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שגיב שרביט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marR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1100" dirty="0" err="1"/>
                        <a:t>יגל</a:t>
                      </a:r>
                      <a:r>
                        <a:rPr lang="he-IL" sz="1100" dirty="0"/>
                        <a:t> פינק</a:t>
                      </a:r>
                    </a:p>
                    <a:p>
                      <a:pPr algn="ctr" rtl="1"/>
                      <a:endParaRPr lang="he-IL" sz="1100" baseline="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אריאל שימה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marR="0" lvl="0" indent="0" algn="ctr" defTabSz="6858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1100" dirty="0"/>
                        <a:t>רביד שמואלי</a:t>
                      </a:r>
                      <a:endParaRPr lang="he-IL" sz="1100" baseline="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נאוה ברינה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לאון </a:t>
                      </a:r>
                      <a:r>
                        <a:rPr lang="he-IL" sz="1100" dirty="0" err="1"/>
                        <a:t>ויניצקי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1015725472"/>
                  </a:ext>
                </a:extLst>
              </a:tr>
              <a:tr h="436434"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משתתפים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ביל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קרן גולן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 err="1"/>
                        <a:t>לואיגי</a:t>
                      </a:r>
                      <a:r>
                        <a:rPr lang="he-IL" sz="1100" dirty="0"/>
                        <a:t>'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רפי </a:t>
                      </a:r>
                      <a:r>
                        <a:rPr lang="he-IL" sz="1100" dirty="0" err="1"/>
                        <a:t>ג'נה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aseline="0" dirty="0"/>
                        <a:t>יהונתן שטיינברג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הישאם </a:t>
                      </a:r>
                      <a:r>
                        <a:rPr lang="he-IL" sz="1100" dirty="0" err="1"/>
                        <a:t>אברהים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סוני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רונן </a:t>
                      </a:r>
                      <a:r>
                        <a:rPr lang="he-IL" sz="1100" dirty="0" err="1"/>
                        <a:t>עזורי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לירון </a:t>
                      </a:r>
                      <a:r>
                        <a:rPr lang="he-IL" sz="1100"/>
                        <a:t>דונל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557582371"/>
                  </a:ext>
                </a:extLst>
              </a:tr>
              <a:tr h="436434"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ניק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 err="1"/>
                        <a:t>סמיון</a:t>
                      </a:r>
                      <a:r>
                        <a:rPr lang="he-IL" sz="1100" baseline="0" dirty="0"/>
                        <a:t> </a:t>
                      </a:r>
                      <a:r>
                        <a:rPr lang="he-IL" sz="1100" dirty="0" err="1"/>
                        <a:t>גמבורג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יובל פוקס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קלי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152948787"/>
                  </a:ext>
                </a:extLst>
              </a:tr>
              <a:tr h="436434"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baseline="0"/>
                        <a:t>אסף אשד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ניר רוזנברג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עופר חכם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1100" dirty="0"/>
                        <a:t>שרון רגב</a:t>
                      </a:r>
                    </a:p>
                    <a:p>
                      <a:pPr marL="0" marR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he-IL" sz="1100" baseline="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826787392"/>
                  </a:ext>
                </a:extLst>
              </a:tr>
              <a:tr h="436434"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 err="1"/>
                        <a:t>פאנוס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יובל תורג'מן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 err="1"/>
                        <a:t>דירק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736242355"/>
                  </a:ext>
                </a:extLst>
              </a:tr>
              <a:tr h="436434"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627886340"/>
                  </a:ext>
                </a:extLst>
              </a:tr>
              <a:tr h="622383">
                <a:tc>
                  <a:txBody>
                    <a:bodyPr/>
                    <a:lstStyle/>
                    <a:p>
                      <a:pPr algn="ctr" rtl="1"/>
                      <a:r>
                        <a:rPr lang="he-IL" sz="1100" b="1" dirty="0"/>
                        <a:t>חדר עבודה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כיתה 1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ספריה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כיתה 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כיתה 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חדר אירוח קפיטריה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חדר</a:t>
                      </a:r>
                      <a:r>
                        <a:rPr lang="he-IL" sz="1100" baseline="0" dirty="0"/>
                        <a:t> אמיר מימון</a:t>
                      </a:r>
                      <a:endParaRPr lang="he-IL" sz="1100" dirty="0"/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כיתה 2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1100" dirty="0"/>
                        <a:t>חדר קצין תאום (מכלול הדרכה)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marL="0" marR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1100" dirty="0"/>
                        <a:t>משרד אירוח</a:t>
                      </a:r>
                    </a:p>
                    <a:p>
                      <a:pPr algn="ctr" rtl="1"/>
                      <a:endParaRPr lang="he-IL" sz="1100" dirty="0"/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3847450387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1E12DC3-7EB1-4419-B5C8-200E750843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685800"/>
            <a:fld id="{CC4DF0E0-0A5A-491C-8CE2-7A2EFD5D9F6B}" type="slidenum">
              <a:rPr lang="he-IL">
                <a:solidFill>
                  <a:prstClr val="black">
                    <a:tint val="75000"/>
                  </a:prstClr>
                </a:solidFill>
                <a:latin typeface="Calibri"/>
                <a:cs typeface="Arial" panose="020B0604020202020204" pitchFamily="34" charset="0"/>
              </a:rPr>
              <a:pPr defTabSz="685800"/>
              <a:t>4</a:t>
            </a:fld>
            <a:endParaRPr lang="he-IL">
              <a:solidFill>
                <a:prstClr val="black">
                  <a:tint val="75000"/>
                </a:prstClr>
              </a:solidFill>
              <a:latin typeface="Calibri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866357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4" name="OTLSHAPE_M_51bed3d5ee1242f2afda34d7e5257104_Connector2"/>
          <p:cNvCxnSpPr/>
          <p:nvPr>
            <p:custDataLst>
              <p:tags r:id="rId2"/>
            </p:custDataLst>
          </p:nvPr>
        </p:nvCxnSpPr>
        <p:spPr>
          <a:xfrm>
            <a:off x="5989638" y="2663825"/>
            <a:ext cx="0" cy="38417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438626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מציין מיקום של מספר שקופית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5</a:t>
            </a:fld>
            <a:endParaRPr lang="he-IL"/>
          </a:p>
        </p:txBody>
      </p:sp>
      <p:sp>
        <p:nvSpPr>
          <p:cNvPr id="49" name="כותרת 1">
            <a:extLst>
              <a:ext uri="{FF2B5EF4-FFF2-40B4-BE49-F238E27FC236}">
                <a16:creationId xmlns:a16="http://schemas.microsoft.com/office/drawing/2014/main" id="{C0BFDE56-F1CF-41F6-9962-BB31CE93C38F}"/>
              </a:ext>
            </a:extLst>
          </p:cNvPr>
          <p:cNvSpPr txBox="1">
            <a:spLocks/>
          </p:cNvSpPr>
          <p:nvPr/>
        </p:nvSpPr>
        <p:spPr>
          <a:xfrm>
            <a:off x="457200" y="274638"/>
            <a:ext cx="8229600" cy="563562"/>
          </a:xfrm>
          <a:prstGeom prst="rect">
            <a:avLst/>
          </a:prstGeom>
        </p:spPr>
        <p:txBody>
          <a:bodyPr>
            <a:noAutofit/>
          </a:bodyPr>
          <a:lstStyle>
            <a:lvl1pPr algn="ctr" defTabSz="914400" rtl="1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he-IL" sz="4000" b="1" dirty="0">
                <a:cs typeface="+mn-cs"/>
              </a:rPr>
              <a:t>שלבי הסימולציה</a:t>
            </a:r>
          </a:p>
        </p:txBody>
      </p:sp>
      <p:sp>
        <p:nvSpPr>
          <p:cNvPr id="78" name="תיבת טקסט 77">
            <a:extLst>
              <a:ext uri="{FF2B5EF4-FFF2-40B4-BE49-F238E27FC236}">
                <a16:creationId xmlns:a16="http://schemas.microsoft.com/office/drawing/2014/main" id="{4B704BAC-DD84-4686-8192-68079916E426}"/>
              </a:ext>
            </a:extLst>
          </p:cNvPr>
          <p:cNvSpPr txBox="1"/>
          <p:nvPr/>
        </p:nvSpPr>
        <p:spPr>
          <a:xfrm>
            <a:off x="5486400" y="1411069"/>
            <a:ext cx="2680252" cy="646331"/>
          </a:xfrm>
          <a:prstGeom prst="rect">
            <a:avLst/>
          </a:prstGeom>
          <a:noFill/>
          <a:ln w="76200">
            <a:solidFill>
              <a:schemeClr val="accent5">
                <a:lumMod val="75000"/>
              </a:schemeClr>
            </a:solidFill>
          </a:ln>
        </p:spPr>
        <p:txBody>
          <a:bodyPr wrap="square">
            <a:spAutoFit/>
          </a:bodyPr>
          <a:lstStyle/>
          <a:p>
            <a:pPr lvl="0" algn="ctr"/>
            <a:r>
              <a:rPr lang="he-IL" sz="1800" b="1" u="sng" dirty="0"/>
              <a:t>שלב ראשון: לימוד השחקן</a:t>
            </a:r>
          </a:p>
          <a:p>
            <a:pPr lvl="0" algn="ctr"/>
            <a:endParaRPr lang="he-IL" sz="1800" b="0" u="none" dirty="0"/>
          </a:p>
        </p:txBody>
      </p:sp>
      <p:sp>
        <p:nvSpPr>
          <p:cNvPr id="85" name="תיבת טקסט 84">
            <a:extLst>
              <a:ext uri="{FF2B5EF4-FFF2-40B4-BE49-F238E27FC236}">
                <a16:creationId xmlns:a16="http://schemas.microsoft.com/office/drawing/2014/main" id="{71927697-B63E-4195-A645-F066E7E1CFF7}"/>
              </a:ext>
            </a:extLst>
          </p:cNvPr>
          <p:cNvSpPr txBox="1"/>
          <p:nvPr/>
        </p:nvSpPr>
        <p:spPr>
          <a:xfrm>
            <a:off x="1868523" y="1672649"/>
            <a:ext cx="2517740" cy="923330"/>
          </a:xfrm>
          <a:prstGeom prst="rect">
            <a:avLst/>
          </a:prstGeom>
          <a:noFill/>
          <a:ln w="76200">
            <a:solidFill>
              <a:schemeClr val="accent6">
                <a:lumMod val="75000"/>
              </a:schemeClr>
            </a:solidFill>
          </a:ln>
        </p:spPr>
        <p:txBody>
          <a:bodyPr wrap="square">
            <a:spAutoFit/>
          </a:bodyPr>
          <a:lstStyle/>
          <a:p>
            <a:pPr lvl="0" algn="ctr"/>
            <a:r>
              <a:rPr lang="he-IL" sz="1800" b="1" u="sng" dirty="0"/>
              <a:t>שלב שני: גיבוש אסטרטגיה ותכנון מערכה</a:t>
            </a:r>
          </a:p>
          <a:p>
            <a:pPr lvl="0" algn="ctr"/>
            <a:endParaRPr lang="he-IL" sz="1800" b="1" u="sng" dirty="0"/>
          </a:p>
        </p:txBody>
      </p:sp>
      <p:sp>
        <p:nvSpPr>
          <p:cNvPr id="86" name="תיבת טקסט 85">
            <a:extLst>
              <a:ext uri="{FF2B5EF4-FFF2-40B4-BE49-F238E27FC236}">
                <a16:creationId xmlns:a16="http://schemas.microsoft.com/office/drawing/2014/main" id="{5993741A-BC71-48FE-A467-A66E5C9BB637}"/>
              </a:ext>
            </a:extLst>
          </p:cNvPr>
          <p:cNvSpPr txBox="1"/>
          <p:nvPr/>
        </p:nvSpPr>
        <p:spPr>
          <a:xfrm>
            <a:off x="3048007" y="3224688"/>
            <a:ext cx="3289845" cy="923330"/>
          </a:xfrm>
          <a:prstGeom prst="rect">
            <a:avLst/>
          </a:prstGeom>
          <a:noFill/>
          <a:ln w="76200">
            <a:solidFill>
              <a:schemeClr val="accent3">
                <a:lumMod val="75000"/>
              </a:schemeClr>
            </a:solidFill>
          </a:ln>
        </p:spPr>
        <p:txBody>
          <a:bodyPr wrap="square">
            <a:spAutoFit/>
          </a:bodyPr>
          <a:lstStyle/>
          <a:p>
            <a:pPr lvl="0" algn="ctr"/>
            <a:r>
              <a:rPr lang="he-IL" sz="1800" b="1" u="sng" dirty="0"/>
              <a:t>שלב שלישי:  הסימולציה</a:t>
            </a:r>
          </a:p>
          <a:p>
            <a:pPr lvl="0" algn="ctr"/>
            <a:r>
              <a:rPr lang="he-IL" sz="1800" b="0" u="none" dirty="0"/>
              <a:t>קבלת החלטות</a:t>
            </a:r>
          </a:p>
          <a:p>
            <a:pPr lvl="0" algn="ctr"/>
            <a:r>
              <a:rPr lang="he-IL" dirty="0"/>
              <a:t>עידכון אסטרטגיה ע"פ הצורך</a:t>
            </a:r>
          </a:p>
        </p:txBody>
      </p:sp>
      <p:sp>
        <p:nvSpPr>
          <p:cNvPr id="87" name="תיבת טקסט 86">
            <a:extLst>
              <a:ext uri="{FF2B5EF4-FFF2-40B4-BE49-F238E27FC236}">
                <a16:creationId xmlns:a16="http://schemas.microsoft.com/office/drawing/2014/main" id="{D23DFC06-BE9B-4B22-ADB3-86B79B3B4B08}"/>
              </a:ext>
            </a:extLst>
          </p:cNvPr>
          <p:cNvSpPr txBox="1"/>
          <p:nvPr/>
        </p:nvSpPr>
        <p:spPr>
          <a:xfrm>
            <a:off x="5282872" y="4890190"/>
            <a:ext cx="3087308" cy="646331"/>
          </a:xfrm>
          <a:prstGeom prst="rect">
            <a:avLst/>
          </a:prstGeom>
          <a:noFill/>
          <a:ln w="76200">
            <a:solidFill>
              <a:schemeClr val="accent4">
                <a:lumMod val="60000"/>
                <a:lumOff val="40000"/>
              </a:schemeClr>
            </a:solidFill>
          </a:ln>
        </p:spPr>
        <p:txBody>
          <a:bodyPr wrap="square">
            <a:spAutoFit/>
          </a:bodyPr>
          <a:lstStyle/>
          <a:p>
            <a:pPr lvl="0" algn="ctr"/>
            <a:r>
              <a:rPr lang="he-IL" sz="1800" b="1" u="sng" dirty="0"/>
              <a:t>שלב רביעי: "הרמת מסך"</a:t>
            </a:r>
          </a:p>
          <a:p>
            <a:pPr lvl="0" algn="ctr"/>
            <a:r>
              <a:rPr lang="he-IL" sz="1800" b="0" u="none" dirty="0"/>
              <a:t>חשיפת האסטרטגיות המתחרות</a:t>
            </a:r>
            <a:endParaRPr lang="en-US" sz="1800" b="0" u="none" dirty="0"/>
          </a:p>
        </p:txBody>
      </p:sp>
      <p:sp>
        <p:nvSpPr>
          <p:cNvPr id="88" name="תיבת טקסט 87">
            <a:extLst>
              <a:ext uri="{FF2B5EF4-FFF2-40B4-BE49-F238E27FC236}">
                <a16:creationId xmlns:a16="http://schemas.microsoft.com/office/drawing/2014/main" id="{6C8602C8-ADE4-4F74-8E5D-F1B9D5B413AA}"/>
              </a:ext>
            </a:extLst>
          </p:cNvPr>
          <p:cNvSpPr txBox="1"/>
          <p:nvPr/>
        </p:nvSpPr>
        <p:spPr>
          <a:xfrm>
            <a:off x="698480" y="5403422"/>
            <a:ext cx="3784639" cy="646331"/>
          </a:xfrm>
          <a:prstGeom prst="rect">
            <a:avLst/>
          </a:prstGeom>
          <a:noFill/>
          <a:ln w="76200"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>
              <a:defRPr/>
            </a:pPr>
            <a:r>
              <a:rPr lang="he-IL" sz="1800" b="1" u="sng" dirty="0"/>
              <a:t>שלב חמישי: רפלקציה וסיכום</a:t>
            </a:r>
            <a:endParaRPr lang="he-IL" b="1" u="sng" dirty="0"/>
          </a:p>
          <a:p>
            <a:pPr algn="ctr">
              <a:defRPr/>
            </a:pPr>
            <a:endParaRPr lang="he-IL" sz="1800" b="1" u="sng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4174857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תמונה 4">
            <a:extLst>
              <a:ext uri="{FF2B5EF4-FFF2-40B4-BE49-F238E27FC236}">
                <a16:creationId xmlns:a16="http://schemas.microsoft.com/office/drawing/2014/main" id="{937FE87E-E13E-4C13-91BE-25EFD682DEDA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80435"/>
          <a:stretch/>
        </p:blipFill>
        <p:spPr>
          <a:xfrm>
            <a:off x="0" y="857251"/>
            <a:ext cx="9144000" cy="1006337"/>
          </a:xfrm>
          <a:prstGeom prst="rect">
            <a:avLst/>
          </a:prstGeom>
        </p:spPr>
      </p:pic>
      <p:pic>
        <p:nvPicPr>
          <p:cNvPr id="6" name="Picture 2" descr="מופע סוף שנה של קבוצת תיאטרון ממרכז רייך | עיריית תל אביב - יפו">
            <a:extLst>
              <a:ext uri="{FF2B5EF4-FFF2-40B4-BE49-F238E27FC236}">
                <a16:creationId xmlns:a16="http://schemas.microsoft.com/office/drawing/2014/main" id="{B5D031B7-80FE-4FD5-922E-5230B7660AF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0409" y="4129238"/>
            <a:ext cx="2157413" cy="16470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4" descr="ביידן באירופה: החיוכים עם ג&amp;#39;ונסון וחולצת ה-LOVE של ג&amp;#39;יל">
            <a:extLst>
              <a:ext uri="{FF2B5EF4-FFF2-40B4-BE49-F238E27FC236}">
                <a16:creationId xmlns:a16="http://schemas.microsoft.com/office/drawing/2014/main" id="{3B3123DB-FAC9-48FA-B1A1-CC54B249177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29" t="1268" r="34370"/>
          <a:stretch/>
        </p:blipFill>
        <p:spPr bwMode="auto">
          <a:xfrm>
            <a:off x="4640842" y="4074916"/>
            <a:ext cx="1834421" cy="1683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8" descr="פוטין הצטרף לגינוי של איראן וטורקיה: &amp;quot;ישראל מערערת את היציבות האזורית&amp;quot; |  ישראל היום">
            <a:extLst>
              <a:ext uri="{FF2B5EF4-FFF2-40B4-BE49-F238E27FC236}">
                <a16:creationId xmlns:a16="http://schemas.microsoft.com/office/drawing/2014/main" id="{9B580978-F78F-4A45-9DAC-69A2E4D4F68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68632" y="4074916"/>
            <a:ext cx="2214959" cy="17013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מלבן 8">
            <a:extLst>
              <a:ext uri="{FF2B5EF4-FFF2-40B4-BE49-F238E27FC236}">
                <a16:creationId xmlns:a16="http://schemas.microsoft.com/office/drawing/2014/main" id="{1E6A52C0-BDB5-4B1E-AB94-63A4445F704D}"/>
              </a:ext>
            </a:extLst>
          </p:cNvPr>
          <p:cNvSpPr/>
          <p:nvPr/>
        </p:nvSpPr>
        <p:spPr>
          <a:xfrm>
            <a:off x="7094496" y="2745984"/>
            <a:ext cx="1363231" cy="392416"/>
          </a:xfrm>
          <a:prstGeom prst="rect">
            <a:avLst/>
          </a:prstGeom>
          <a:solidFill>
            <a:srgbClr val="D8F36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 sz="1350"/>
          </a:p>
        </p:txBody>
      </p:sp>
      <p:sp>
        <p:nvSpPr>
          <p:cNvPr id="10" name="מלבן 9">
            <a:extLst>
              <a:ext uri="{FF2B5EF4-FFF2-40B4-BE49-F238E27FC236}">
                <a16:creationId xmlns:a16="http://schemas.microsoft.com/office/drawing/2014/main" id="{68A194CA-944D-4A23-99A9-CCB87B6FED60}"/>
              </a:ext>
            </a:extLst>
          </p:cNvPr>
          <p:cNvSpPr/>
          <p:nvPr/>
        </p:nvSpPr>
        <p:spPr>
          <a:xfrm>
            <a:off x="4800001" y="2738849"/>
            <a:ext cx="1675262" cy="392130"/>
          </a:xfrm>
          <a:prstGeom prst="rect">
            <a:avLst/>
          </a:prstGeom>
          <a:solidFill>
            <a:srgbClr val="D8F36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 sz="1350"/>
          </a:p>
        </p:txBody>
      </p:sp>
      <p:sp>
        <p:nvSpPr>
          <p:cNvPr id="11" name="מלבן 10">
            <a:extLst>
              <a:ext uri="{FF2B5EF4-FFF2-40B4-BE49-F238E27FC236}">
                <a16:creationId xmlns:a16="http://schemas.microsoft.com/office/drawing/2014/main" id="{018DB9E3-2CA3-422D-9D1F-C27D98A5A110}"/>
              </a:ext>
            </a:extLst>
          </p:cNvPr>
          <p:cNvSpPr/>
          <p:nvPr/>
        </p:nvSpPr>
        <p:spPr>
          <a:xfrm>
            <a:off x="261971" y="2718196"/>
            <a:ext cx="2214958" cy="415532"/>
          </a:xfrm>
          <a:prstGeom prst="rect">
            <a:avLst/>
          </a:prstGeom>
          <a:solidFill>
            <a:srgbClr val="D8F36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 sz="1350"/>
          </a:p>
        </p:txBody>
      </p:sp>
      <p:sp>
        <p:nvSpPr>
          <p:cNvPr id="2" name="תיבת טקסט 1">
            <a:extLst>
              <a:ext uri="{FF2B5EF4-FFF2-40B4-BE49-F238E27FC236}">
                <a16:creationId xmlns:a16="http://schemas.microsoft.com/office/drawing/2014/main" id="{970870C1-960B-4310-8691-6C7DBB97EDF5}"/>
              </a:ext>
            </a:extLst>
          </p:cNvPr>
          <p:cNvSpPr txBox="1"/>
          <p:nvPr/>
        </p:nvSpPr>
        <p:spPr>
          <a:xfrm>
            <a:off x="6947948" y="2746270"/>
            <a:ext cx="1545273" cy="415498"/>
          </a:xfrm>
          <a:prstGeom prst="rect">
            <a:avLst/>
          </a:prstGeom>
          <a:noFill/>
        </p:spPr>
        <p:txBody>
          <a:bodyPr wrap="square" rtlCol="1">
            <a:spAutoFit/>
          </a:bodyPr>
          <a:lstStyle/>
          <a:p>
            <a:r>
              <a:rPr lang="he-IL" sz="2100" dirty="0"/>
              <a:t>ועידת </a:t>
            </a:r>
            <a:r>
              <a:rPr lang="he-IL" sz="2100" dirty="0" err="1"/>
              <a:t>קאזאן</a:t>
            </a:r>
            <a:endParaRPr lang="he-IL" sz="2100" dirty="0"/>
          </a:p>
        </p:txBody>
      </p:sp>
      <p:sp>
        <p:nvSpPr>
          <p:cNvPr id="12" name="תיבת טקסט 11">
            <a:extLst>
              <a:ext uri="{FF2B5EF4-FFF2-40B4-BE49-F238E27FC236}">
                <a16:creationId xmlns:a16="http://schemas.microsoft.com/office/drawing/2014/main" id="{7CC00CC5-DE64-4649-95A0-004712E8C51E}"/>
              </a:ext>
            </a:extLst>
          </p:cNvPr>
          <p:cNvSpPr txBox="1"/>
          <p:nvPr/>
        </p:nvSpPr>
        <p:spPr>
          <a:xfrm>
            <a:off x="5022401" y="2718204"/>
            <a:ext cx="1297151" cy="415498"/>
          </a:xfrm>
          <a:prstGeom prst="rect">
            <a:avLst/>
          </a:prstGeom>
          <a:noFill/>
        </p:spPr>
        <p:txBody>
          <a:bodyPr wrap="none" rtlCol="1">
            <a:spAutoFit/>
          </a:bodyPr>
          <a:lstStyle/>
          <a:p>
            <a:r>
              <a:rPr lang="he-IL" sz="2100" dirty="0"/>
              <a:t>ועידת פריז</a:t>
            </a:r>
          </a:p>
        </p:txBody>
      </p:sp>
      <p:sp>
        <p:nvSpPr>
          <p:cNvPr id="13" name="מלבן 12">
            <a:extLst>
              <a:ext uri="{FF2B5EF4-FFF2-40B4-BE49-F238E27FC236}">
                <a16:creationId xmlns:a16="http://schemas.microsoft.com/office/drawing/2014/main" id="{27C9B916-5A84-471F-9982-75C6E767B77F}"/>
              </a:ext>
            </a:extLst>
          </p:cNvPr>
          <p:cNvSpPr/>
          <p:nvPr/>
        </p:nvSpPr>
        <p:spPr>
          <a:xfrm>
            <a:off x="2772175" y="2734282"/>
            <a:ext cx="1675262" cy="415532"/>
          </a:xfrm>
          <a:prstGeom prst="rect">
            <a:avLst/>
          </a:prstGeom>
          <a:solidFill>
            <a:srgbClr val="D8F36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1" anchor="ctr"/>
          <a:lstStyle/>
          <a:p>
            <a:pPr algn="ctr"/>
            <a:endParaRPr lang="he-IL" sz="1350"/>
          </a:p>
        </p:txBody>
      </p:sp>
      <p:sp>
        <p:nvSpPr>
          <p:cNvPr id="14" name="תיבת טקסט 13">
            <a:extLst>
              <a:ext uri="{FF2B5EF4-FFF2-40B4-BE49-F238E27FC236}">
                <a16:creationId xmlns:a16="http://schemas.microsoft.com/office/drawing/2014/main" id="{71B140FF-FC1F-4F1C-8139-1BBC4882D36B}"/>
              </a:ext>
            </a:extLst>
          </p:cNvPr>
          <p:cNvSpPr txBox="1"/>
          <p:nvPr/>
        </p:nvSpPr>
        <p:spPr>
          <a:xfrm>
            <a:off x="2922112" y="2757399"/>
            <a:ext cx="1359668" cy="415498"/>
          </a:xfrm>
          <a:prstGeom prst="rect">
            <a:avLst/>
          </a:prstGeom>
          <a:noFill/>
        </p:spPr>
        <p:txBody>
          <a:bodyPr wrap="none" rtlCol="1">
            <a:spAutoFit/>
          </a:bodyPr>
          <a:lstStyle/>
          <a:p>
            <a:r>
              <a:rPr lang="he-IL" sz="2100" dirty="0"/>
              <a:t>סבב שיחות</a:t>
            </a:r>
          </a:p>
        </p:txBody>
      </p:sp>
      <p:sp>
        <p:nvSpPr>
          <p:cNvPr id="15" name="תיבת טקסט 14">
            <a:extLst>
              <a:ext uri="{FF2B5EF4-FFF2-40B4-BE49-F238E27FC236}">
                <a16:creationId xmlns:a16="http://schemas.microsoft.com/office/drawing/2014/main" id="{CA0724EA-B957-4A44-84C8-9F72D5944873}"/>
              </a:ext>
            </a:extLst>
          </p:cNvPr>
          <p:cNvSpPr txBox="1"/>
          <p:nvPr/>
        </p:nvSpPr>
        <p:spPr>
          <a:xfrm>
            <a:off x="650779" y="2717347"/>
            <a:ext cx="1348447" cy="415498"/>
          </a:xfrm>
          <a:prstGeom prst="rect">
            <a:avLst/>
          </a:prstGeom>
          <a:noFill/>
        </p:spPr>
        <p:txBody>
          <a:bodyPr wrap="none" rtlCol="1">
            <a:spAutoFit/>
          </a:bodyPr>
          <a:lstStyle/>
          <a:p>
            <a:r>
              <a:rPr lang="he-IL" sz="2100" dirty="0"/>
              <a:t>הרמת מסך</a:t>
            </a:r>
          </a:p>
        </p:txBody>
      </p:sp>
      <p:sp>
        <p:nvSpPr>
          <p:cNvPr id="16" name="תיבת טקסט 15">
            <a:extLst>
              <a:ext uri="{FF2B5EF4-FFF2-40B4-BE49-F238E27FC236}">
                <a16:creationId xmlns:a16="http://schemas.microsoft.com/office/drawing/2014/main" id="{7B9BAD44-02ED-4BEE-9D85-D36948778A6F}"/>
              </a:ext>
            </a:extLst>
          </p:cNvPr>
          <p:cNvSpPr txBox="1"/>
          <p:nvPr/>
        </p:nvSpPr>
        <p:spPr>
          <a:xfrm>
            <a:off x="7131722" y="3479556"/>
            <a:ext cx="1326004" cy="461665"/>
          </a:xfrm>
          <a:prstGeom prst="rect">
            <a:avLst/>
          </a:prstGeom>
          <a:solidFill>
            <a:schemeClr val="bg1"/>
          </a:solidFill>
        </p:spPr>
        <p:txBody>
          <a:bodyPr wrap="none" rtlCol="1">
            <a:spAutoFit/>
          </a:bodyPr>
          <a:lstStyle/>
          <a:p>
            <a:r>
              <a:rPr lang="en-US" sz="1200" dirty="0">
                <a:latin typeface="Assistant ExtraBold" panose="00000900000000000000" pitchFamily="2" charset="-79"/>
                <a:cs typeface="Assistant ExtraBold" panose="00000900000000000000" pitchFamily="2" charset="-79"/>
              </a:rPr>
              <a:t>22 January 2023</a:t>
            </a:r>
          </a:p>
          <a:p>
            <a:pPr algn="ctr"/>
            <a:r>
              <a:rPr lang="en-US" sz="1200" dirty="0">
                <a:latin typeface="Assistant ExtraBold" panose="00000900000000000000" pitchFamily="2" charset="-79"/>
                <a:cs typeface="Assistant ExtraBold" panose="00000900000000000000" pitchFamily="2" charset="-79"/>
              </a:rPr>
              <a:t>15:00 – 16:00</a:t>
            </a:r>
            <a:endParaRPr lang="he-IL" sz="1200" dirty="0">
              <a:latin typeface="Assistant ExtraBold" panose="00000900000000000000" pitchFamily="2" charset="-79"/>
              <a:cs typeface="Assistant ExtraBold" panose="00000900000000000000" pitchFamily="2" charset="-79"/>
            </a:endParaRPr>
          </a:p>
        </p:txBody>
      </p:sp>
      <p:sp>
        <p:nvSpPr>
          <p:cNvPr id="17" name="תיבת טקסט 16">
            <a:extLst>
              <a:ext uri="{FF2B5EF4-FFF2-40B4-BE49-F238E27FC236}">
                <a16:creationId xmlns:a16="http://schemas.microsoft.com/office/drawing/2014/main" id="{8482AF3F-D0E5-4572-8B50-9DA81D2644BA}"/>
              </a:ext>
            </a:extLst>
          </p:cNvPr>
          <p:cNvSpPr txBox="1"/>
          <p:nvPr/>
        </p:nvSpPr>
        <p:spPr>
          <a:xfrm>
            <a:off x="4937402" y="3479556"/>
            <a:ext cx="1394934" cy="461665"/>
          </a:xfrm>
          <a:prstGeom prst="rect">
            <a:avLst/>
          </a:prstGeom>
          <a:solidFill>
            <a:schemeClr val="bg1"/>
          </a:solidFill>
        </p:spPr>
        <p:txBody>
          <a:bodyPr wrap="none" rtlCol="1">
            <a:spAutoFit/>
          </a:bodyPr>
          <a:lstStyle/>
          <a:p>
            <a:r>
              <a:rPr lang="en-US" sz="1200" dirty="0">
                <a:latin typeface="Assistant ExtraBold" panose="00000900000000000000" pitchFamily="2" charset="-79"/>
                <a:cs typeface="Assistant ExtraBold" panose="00000900000000000000" pitchFamily="2" charset="-79"/>
              </a:rPr>
              <a:t>23 February 2023</a:t>
            </a:r>
          </a:p>
          <a:p>
            <a:pPr algn="ctr"/>
            <a:r>
              <a:rPr lang="en-US" sz="1200" dirty="0">
                <a:latin typeface="Assistant ExtraBold" panose="00000900000000000000" pitchFamily="2" charset="-79"/>
                <a:cs typeface="Assistant ExtraBold" panose="00000900000000000000" pitchFamily="2" charset="-79"/>
              </a:rPr>
              <a:t>14:00 – 15:30</a:t>
            </a:r>
            <a:endParaRPr lang="he-IL" sz="1200" dirty="0">
              <a:latin typeface="Assistant ExtraBold" panose="00000900000000000000" pitchFamily="2" charset="-79"/>
              <a:cs typeface="Assistant ExtraBold" panose="00000900000000000000" pitchFamily="2" charset="-79"/>
            </a:endParaRPr>
          </a:p>
        </p:txBody>
      </p:sp>
      <p:sp>
        <p:nvSpPr>
          <p:cNvPr id="18" name="תיבת טקסט 17">
            <a:extLst>
              <a:ext uri="{FF2B5EF4-FFF2-40B4-BE49-F238E27FC236}">
                <a16:creationId xmlns:a16="http://schemas.microsoft.com/office/drawing/2014/main" id="{81FC3B48-265E-41D2-8FE0-66E98E2AB5C3}"/>
              </a:ext>
            </a:extLst>
          </p:cNvPr>
          <p:cNvSpPr txBox="1"/>
          <p:nvPr/>
        </p:nvSpPr>
        <p:spPr>
          <a:xfrm>
            <a:off x="6947948" y="2228701"/>
            <a:ext cx="1497409" cy="276999"/>
          </a:xfrm>
          <a:prstGeom prst="rect">
            <a:avLst/>
          </a:prstGeom>
          <a:solidFill>
            <a:schemeClr val="bg1"/>
          </a:solidFill>
        </p:spPr>
        <p:txBody>
          <a:bodyPr wrap="square" rtlCol="1">
            <a:spAutoFit/>
          </a:bodyPr>
          <a:lstStyle/>
          <a:p>
            <a:pPr algn="ctr"/>
            <a:r>
              <a:rPr lang="he-IL" sz="1200" dirty="0">
                <a:latin typeface="Assistant ExtraBold" panose="00000900000000000000" pitchFamily="2" charset="-79"/>
                <a:cs typeface="Assistant ExtraBold" panose="00000900000000000000" pitchFamily="2" charset="-79"/>
              </a:rPr>
              <a:t>יום ראשון לסימולציה</a:t>
            </a:r>
          </a:p>
        </p:txBody>
      </p:sp>
      <p:sp>
        <p:nvSpPr>
          <p:cNvPr id="19" name="תיבת טקסט 18">
            <a:extLst>
              <a:ext uri="{FF2B5EF4-FFF2-40B4-BE49-F238E27FC236}">
                <a16:creationId xmlns:a16="http://schemas.microsoft.com/office/drawing/2014/main" id="{E80EDED1-FCE8-4146-A7E5-1F5D277EBA94}"/>
              </a:ext>
            </a:extLst>
          </p:cNvPr>
          <p:cNvSpPr txBox="1"/>
          <p:nvPr/>
        </p:nvSpPr>
        <p:spPr>
          <a:xfrm>
            <a:off x="4858394" y="2208598"/>
            <a:ext cx="1399316" cy="276999"/>
          </a:xfrm>
          <a:prstGeom prst="rect">
            <a:avLst/>
          </a:prstGeom>
          <a:solidFill>
            <a:schemeClr val="bg1"/>
          </a:solidFill>
        </p:spPr>
        <p:txBody>
          <a:bodyPr wrap="square" rtlCol="1">
            <a:spAutoFit/>
          </a:bodyPr>
          <a:lstStyle/>
          <a:p>
            <a:pPr algn="ctr"/>
            <a:r>
              <a:rPr lang="he-IL" sz="1200" dirty="0">
                <a:latin typeface="Assistant ExtraBold" panose="00000900000000000000" pitchFamily="2" charset="-79"/>
                <a:cs typeface="Assistant ExtraBold" panose="00000900000000000000" pitchFamily="2" charset="-79"/>
              </a:rPr>
              <a:t>יום שני לסימולציה</a:t>
            </a:r>
          </a:p>
        </p:txBody>
      </p:sp>
      <p:sp>
        <p:nvSpPr>
          <p:cNvPr id="20" name="תיבת טקסט 19">
            <a:extLst>
              <a:ext uri="{FF2B5EF4-FFF2-40B4-BE49-F238E27FC236}">
                <a16:creationId xmlns:a16="http://schemas.microsoft.com/office/drawing/2014/main" id="{AB870C1F-AE4C-4408-8092-FEA462893A2C}"/>
              </a:ext>
            </a:extLst>
          </p:cNvPr>
          <p:cNvSpPr txBox="1"/>
          <p:nvPr/>
        </p:nvSpPr>
        <p:spPr>
          <a:xfrm>
            <a:off x="260410" y="2234385"/>
            <a:ext cx="1399316" cy="276999"/>
          </a:xfrm>
          <a:prstGeom prst="rect">
            <a:avLst/>
          </a:prstGeom>
          <a:solidFill>
            <a:schemeClr val="bg1"/>
          </a:solidFill>
        </p:spPr>
        <p:txBody>
          <a:bodyPr wrap="square" rtlCol="1">
            <a:spAutoFit/>
          </a:bodyPr>
          <a:lstStyle/>
          <a:p>
            <a:pPr algn="ctr"/>
            <a:r>
              <a:rPr lang="he-IL" sz="1200" dirty="0">
                <a:latin typeface="Assistant ExtraBold" panose="00000900000000000000" pitchFamily="2" charset="-79"/>
                <a:cs typeface="Assistant ExtraBold" panose="00000900000000000000" pitchFamily="2" charset="-79"/>
              </a:rPr>
              <a:t>24/2/2022</a:t>
            </a:r>
          </a:p>
        </p:txBody>
      </p:sp>
    </p:spTree>
    <p:extLst>
      <p:ext uri="{BB962C8B-B14F-4D97-AF65-F5344CB8AC3E}">
        <p14:creationId xmlns:p14="http://schemas.microsoft.com/office/powerpoint/2010/main" val="325562162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609600"/>
          </a:xfrm>
        </p:spPr>
        <p:txBody>
          <a:bodyPr>
            <a:noAutofit/>
          </a:bodyPr>
          <a:lstStyle/>
          <a:p>
            <a:r>
              <a:rPr lang="he-IL" sz="4000" b="1" dirty="0">
                <a:cs typeface="+mn-cs"/>
              </a:rPr>
              <a:t>שחקני הסימולציה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7</a:t>
            </a:fld>
            <a:endParaRPr lang="he-IL"/>
          </a:p>
        </p:txBody>
      </p:sp>
      <p:graphicFrame>
        <p:nvGraphicFramePr>
          <p:cNvPr id="7" name="מציין מיקום תוכן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906069390"/>
              </p:ext>
            </p:extLst>
          </p:nvPr>
        </p:nvGraphicFramePr>
        <p:xfrm>
          <a:off x="685800" y="1219200"/>
          <a:ext cx="7886700" cy="5231249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349449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39220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14692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משתתפי מב"ל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מנהלת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74250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ישראל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algn="ctr" defTabSz="914400" rtl="1" eaLnBrk="1" latinLnBrk="0" hangingPunct="1"/>
                      <a:r>
                        <a:rPr lang="he-IL" sz="22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מוביל הסימולציה – יהודה יהוחננוף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674250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ארה"ב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he-IL" sz="22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ראש המנהלת – מתן אור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056650738"/>
                  </a:ext>
                </a:extLst>
              </a:tr>
              <a:tr h="768197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רוסיה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2200" dirty="0"/>
                        <a:t>האיחוד האירופאי והאו"ם – אמיר וייסבורד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419452212"/>
                  </a:ext>
                </a:extLst>
              </a:tr>
              <a:tr h="447972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הרשות</a:t>
                      </a:r>
                      <a:r>
                        <a:rPr lang="he-IL" sz="2200" baseline="0" dirty="0"/>
                        <a:t> הפלסטינית</a:t>
                      </a:r>
                      <a:endParaRPr lang="he-IL" sz="22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2200" dirty="0"/>
                        <a:t>סין – נועם אורבך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447972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חמאס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2200" dirty="0"/>
                        <a:t>סעודיה – מורן זגה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447972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איחוד האמירויות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2200" dirty="0"/>
                        <a:t>איראן –</a:t>
                      </a:r>
                      <a:r>
                        <a:rPr lang="he-IL" sz="2200" baseline="0" dirty="0"/>
                        <a:t> שרית יאנג</a:t>
                      </a:r>
                      <a:endParaRPr lang="he-IL" sz="2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447972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טורקיה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2200" dirty="0"/>
                        <a:t>תקשורת בינ"ל – בן מור</a:t>
                      </a:r>
                      <a:endParaRPr lang="he-IL" sz="22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447972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מצרים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he-IL" sz="22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ארגוני טרור</a:t>
                      </a:r>
                      <a:endParaRPr lang="he-IL" sz="22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447972">
                <a:tc>
                  <a:txBody>
                    <a:bodyPr/>
                    <a:lstStyle/>
                    <a:p>
                      <a:pPr algn="ctr" rtl="1"/>
                      <a:r>
                        <a:rPr lang="he-IL" sz="2200" dirty="0"/>
                        <a:t>ירדן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he-IL" sz="2200" dirty="0"/>
                        <a:t>אופוזיציה</a:t>
                      </a:r>
                      <a:endParaRPr lang="he-IL" sz="22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0525017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61682" y="533400"/>
            <a:ext cx="8229600" cy="563562"/>
          </a:xfrm>
        </p:spPr>
        <p:txBody>
          <a:bodyPr>
            <a:normAutofit fontScale="90000"/>
          </a:bodyPr>
          <a:lstStyle/>
          <a:p>
            <a:br>
              <a:rPr lang="he-IL" sz="3600" b="1" dirty="0">
                <a:cs typeface="+mn-cs"/>
              </a:rPr>
            </a:br>
            <a:r>
              <a:rPr lang="he-IL" b="1" dirty="0">
                <a:cs typeface="+mn-cs"/>
              </a:rPr>
              <a:t>תפקידי מנהלת הסימולציה</a:t>
            </a:r>
            <a:br>
              <a:rPr lang="he-IL" b="1" dirty="0">
                <a:cs typeface="+mn-cs"/>
              </a:rPr>
            </a:br>
            <a:endParaRPr lang="he-IL" b="1" dirty="0">
              <a:cs typeface="+mn-cs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468752" y="1371600"/>
            <a:ext cx="8229600" cy="4953000"/>
          </a:xfrm>
          <a:noFill/>
        </p:spPr>
        <p:txBody>
          <a:bodyPr>
            <a:normAutofit/>
          </a:bodyPr>
          <a:lstStyle/>
          <a:p>
            <a:pPr algn="just"/>
            <a:r>
              <a:rPr lang="he-IL" dirty="0"/>
              <a:t>מנהלת את הסימולציה על כל שלביה</a:t>
            </a:r>
          </a:p>
          <a:p>
            <a:pPr algn="just"/>
            <a:r>
              <a:rPr lang="he-IL" dirty="0"/>
              <a:t>מזרימה תרחישים ואירועים</a:t>
            </a:r>
          </a:p>
          <a:p>
            <a:pPr algn="just"/>
            <a:r>
              <a:rPr lang="he-IL" dirty="0"/>
              <a:t>מאשרת ומזרימה את הארועים במערכת "קברנט"</a:t>
            </a:r>
          </a:p>
          <a:p>
            <a:pPr algn="just"/>
            <a:r>
              <a:rPr lang="he-IL" dirty="0"/>
              <a:t>משחקת חלק מהשחקנים בסימולציה</a:t>
            </a:r>
          </a:p>
          <a:p>
            <a:pPr algn="just"/>
            <a:r>
              <a:rPr lang="he-IL" dirty="0"/>
              <a:t>משחקת כל שחקן שלא הוגדר מראש ואשר נדרש לשחקן אחר כלשהו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8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val="18749355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he-IL" sz="4000" b="1" dirty="0">
                <a:cs typeface="+mn-cs"/>
              </a:rPr>
              <a:t>מערכת "</a:t>
            </a:r>
            <a:r>
              <a:rPr lang="he-IL" sz="4000" b="1" dirty="0" err="1">
                <a:cs typeface="+mn-cs"/>
              </a:rPr>
              <a:t>קברנט</a:t>
            </a:r>
            <a:r>
              <a:rPr lang="he-IL" sz="4000" b="1" dirty="0">
                <a:cs typeface="+mn-cs"/>
              </a:rPr>
              <a:t>"</a:t>
            </a: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9</a:t>
            </a:fld>
            <a:endParaRPr lang="he-IL"/>
          </a:p>
        </p:txBody>
      </p:sp>
      <p:sp>
        <p:nvSpPr>
          <p:cNvPr id="7" name="מציין מיקום תוכן 2"/>
          <p:cNvSpPr>
            <a:spLocks noGrp="1"/>
          </p:cNvSpPr>
          <p:nvPr>
            <p:ph idx="1"/>
          </p:nvPr>
        </p:nvSpPr>
        <p:spPr>
          <a:xfrm>
            <a:off x="609600" y="1447800"/>
            <a:ext cx="8229600" cy="4525963"/>
          </a:xfrm>
          <a:noFill/>
        </p:spPr>
        <p:txBody>
          <a:bodyPr>
            <a:normAutofit lnSpcReduction="10000"/>
          </a:bodyPr>
          <a:lstStyle/>
          <a:p>
            <a:pPr algn="just"/>
            <a:r>
              <a:rPr lang="he-IL" altLang="en-US" dirty="0"/>
              <a:t>מערכת מחשב לתמיכה בסימולציות מרובות שחקנים</a:t>
            </a:r>
          </a:p>
          <a:p>
            <a:pPr algn="just"/>
            <a:r>
              <a:rPr lang="he-IL" altLang="en-US" dirty="0"/>
              <a:t>מאפשרת יצירת תמונת משחק משותפת לכל השחקנים ושליטה של המנהלת</a:t>
            </a:r>
          </a:p>
          <a:p>
            <a:pPr algn="just"/>
            <a:r>
              <a:rPr lang="he-IL" altLang="en-US" dirty="0"/>
              <a:t>מאפשרת קביעת מפגשים בין השחקנים</a:t>
            </a:r>
          </a:p>
          <a:p>
            <a:pPr algn="just"/>
            <a:r>
              <a:rPr lang="he-IL" altLang="en-US" dirty="0"/>
              <a:t>מייצגת תמונת מציאות – </a:t>
            </a:r>
            <a:r>
              <a:rPr lang="he-IL" altLang="en-US" b="1" dirty="0"/>
              <a:t>"אם אתה לא שם, אתה לא קיים"</a:t>
            </a:r>
          </a:p>
          <a:p>
            <a:pPr algn="just"/>
            <a:r>
              <a:rPr lang="he-IL" altLang="en-US" b="1" dirty="0"/>
              <a:t>המנהלת בלבד קובעת תוצאה של אירועים שיוזמות הקבוצות</a:t>
            </a:r>
          </a:p>
        </p:txBody>
      </p:sp>
    </p:spTree>
    <p:extLst>
      <p:ext uri="{BB962C8B-B14F-4D97-AF65-F5344CB8AC3E}">
        <p14:creationId xmlns:p14="http://schemas.microsoft.com/office/powerpoint/2010/main" val="41414669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3LTAyLTEzVDIzOjU5OjU5Ljk5OVoiLCJFbmREYXRlIjoiMjAxNy0wMy0yMVQyMzo1OTo1OS45OTlaIiwiRm9ybWF0IjoiTU1NIiwiVHlwZSI6MiwiQXV0b0RhdGVSYW5nZSI6dHJ1ZSwiV29ya2luZ0RheXMiOjMxLCJUb2RheU1hcmtlclRleHQiOiJUb2RheSIsIkF1dG9TY2FsZVR5cGUiOnRydWV9LCJNaWxlc3RvbmVzIjpbeyIkaWQiOiIxMjMiLCJEYXRlIjoiMjAxNy0wMi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2LCJHIjoxNzAsIkIiOjY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iwiRyI6MTcwLCJCIjo2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GI4ZDgzYS00YjU5LTQ5OTItOGY5Zi04ZGVhMWNjYmQ1N2YiLCJJbXBvcnRJZCI6bnVsbCwiVGl0bGUiOiLXntek15LXqSDXlNeq16DXoteUIiwiTm90ZSI6bnVsbCwiSHlwZXJsaW5rIjpudWxsLCJJc0NoYW5nZWQiOmZhbHNlLCJJc05ldyI6ZmFsc2V9LHsiJGlkIjoiMTM4IiwiRGF0ZSI6IjIwMTctMDMtMDF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0NSwiRyI6MTYyLCJCIjoxOT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Q1LCJHIjoxNjIsIkIiOjE5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TYwNjc5MDA2Njk0Mjc1NjUsIklzQ3VzdG9tIjp0cnVlfSwiSWQiOiIzMWJhMDFkMi1mYTIxLTRiZDgtOGZiNS0wM2JiOTRiM2NlOGYiLCJJbXBvcnRJZCI6bnVsbCwiVGl0bGUiOiLXlNem15LXqiDXqteV16bXqNeZ150g15Un16fXkdeo16DXmCIsIk5vdGUiOm51bGwsIkh5cGVybGluayI6bnVsbCwiSXNDaGFuZ2VkIjpmYWxzZSwiSXNOZXciOmZhbHNlfSx7IiRpZCI6IjE1MyIsIkRhdGUiOiIyMDE3LTAzLTA3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E4LCJHIjozMSwiQiI6NDB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xOCwiRyI6MzEsIkIiOjQw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zNjMxNTUwOTg0MzIzNzYwMywiSXNDdXN0b20iOnRydWV9LCJJZCI6IjU4MGZkMDg2LTZkZjgtNGM4Ni05ZDQ5LWI3MDZmYjBkOWMzNiIsIkltcG9ydElkIjpudWxsLCJUaXRsZSI6IteQ16fXmCDXodeZ157Xldec16bXmdeUIDEiLCJOb3RlIjpudWxsLCJIeXBlcmxpbmsiOm51bGwsIklzQ2hhbmdlZCI6ZmFsc2UsIklzTmV3IjpmYWxzZX0seyIkaWQiOiIxNjgiLCJEYXRlIjoiMjAxNy0wMy0x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xOCwiRyI6MzEsIkIiOjQw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MTgsIkciOjMxLCJCIjo0MH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MWJlZDNkNS1lZTEyLTQyZjItYWZkYS0zNGQ3ZTUyNTcxMDQiLCJJbXBvcnRJZCI6bnVsbCwiVGl0bGUiOiLXkNen15gg16HXmdee15XXnNem15nXlCDXnteo15vXlteZIiwiTm90ZSI6bnVsbCwiSHlwZXJsaW5rIjpudWxsLCJJc0NoYW5nZWQiOmZhbHNlLCJJc05ldyI6ZmFsc2V9LHsiJGlkIjoiMTgzIiwiRGF0ZSI6IjIwMTctMDM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MTgsIkciOjMxLCJCIjo0MH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E4LCJHIjozMSwiQiI6ND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mZlMDAyYTQtYmM0ZC00YzQxLTg1MjgtMDYyYTU3OTYxYTc0IiwiSW1wb3J0SWQiOm51bGwsIlRpdGxlIjoi15DXp9eYINeh15nXnteV15zXpteZ15Qg157XqNeb15bXmSIsIk5vdGUiOm51bGwsIkh5cGVybGluayI6bnVsbCwiSXNDaGFuZ2VkIjpmYWxzZSwiSXNOZXciOmZhbHNlfSx7IiRpZCI6IjE5OCIsIkRhdGUiOiIyMDE3LTAzLTE2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NzEsIkciOjc1LCJCIjoxMjB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cxLCJHIjo3NSwiQiI6MTI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YxNmY2Y2E0LTUwMDktNDRkMC1hNmEzLTA4YTE0MmUzZWZlMyIsIkltcG9ydElkIjpudWxsLCJUaXRsZSI6Ilwi15TXqNee16og157XodeaXCIiLCJOb3RlIjpudWxsLCJIeXBlcmxpbmsiOm51bGwsIklzQ2hhbmdlZCI6ZmFsc2UsIklzTmV3IjpmYWxzZX0seyIkaWQiOiIyMTMiLCJEYXRlIjoiMjAxNy0wMy0yMV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yNSwiRyI6NjAsIkIiOjc0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xMjUsIkciOjYwLCJCIjo3N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MmY2ODhhOS0zMmE4LTQ2ZTgtYTU2ZS1jOGJmMjMyODM3YzUiLCJJbXBvcnRJZCI6bnVsbCwiVGl0bGUiOiLXqNek15zXp9em15nXlCDXldeU16bXkteqINeq15XXpteo15nXnSIsIk5vdGUiOm51bGwsIkh5cGVybGluayI6bnVsbCwiSXNDaGFuZ2VkIjpmYWxzZSwiSXNOZXciOmZhbHNlfV0sIlRhc2tzIjpbXSwiTXNQcm9qZWN0SXRlbXNUcmVlIjp7IiRpZCI6IjIyOCIsIlJvb3QiOnsiSW1wb3J0SWQiOm51bGwsIklzSW1wb3J0ZWQiOmZhbHNlLCJDaGlsZHJlbiI6W119fSwiTWV0YWRhdGEiOnsiJGlkIjoiMjI5In0sIlNldHRpbmdzIjp7IiRpZCI6IjIzMCIsIkltcGFPcHRpb25zIjp7IiRpZCI6IjIz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ערכת נושא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x05d4__x05e1__x05d1__x05e8_ xmlns="d98c9973-610b-494f-80d4-07cfab7bd9d1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B446441837EA543A75788DB83E257C9" ma:contentTypeVersion="8" ma:contentTypeDescription="Create a new document." ma:contentTypeScope="" ma:versionID="3d48336f4017d8b8bdd81c8f878a82b4">
  <xsd:schema xmlns:xsd="http://www.w3.org/2001/XMLSchema" xmlns:xs="http://www.w3.org/2001/XMLSchema" xmlns:p="http://schemas.microsoft.com/office/2006/metadata/properties" xmlns:ns2="d98c9973-610b-494f-80d4-07cfab7bd9d1" xmlns:ns3="4509648c-74db-4e07-8cc5-5462f742b81f" targetNamespace="http://schemas.microsoft.com/office/2006/metadata/properties" ma:root="true" ma:fieldsID="fde4b04444a0593428c4045de1ef2e23" ns2:_="" ns3:_="">
    <xsd:import namespace="d98c9973-610b-494f-80d4-07cfab7bd9d1"/>
    <xsd:import namespace="4509648c-74db-4e07-8cc5-5462f742b81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_x05d4__x05e1__x05d1__x05e8_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98c9973-610b-494f-80d4-07cfab7bd9d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_x05d4__x05e1__x05d1__x05e8_" ma:index="13" nillable="true" ma:displayName="הסבר" ma:format="Dropdown" ma:internalName="_x05d4__x05e1__x05d1__x05e8_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509648c-74db-4e07-8cc5-5462f742b81f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C0A27A4B-6209-4A22-9F9C-4B9F3F13DA27}">
  <ds:schemaRefs>
    <ds:schemaRef ds:uri="http://purl.org/dc/elements/1.1/"/>
    <ds:schemaRef ds:uri="http://purl.org/dc/terms/"/>
    <ds:schemaRef ds:uri="http://purl.org/dc/dcmitype/"/>
    <ds:schemaRef ds:uri="http://schemas.microsoft.com/office/2006/documentManagement/types"/>
    <ds:schemaRef ds:uri="http://www.w3.org/XML/1998/namespace"/>
    <ds:schemaRef ds:uri="http://schemas.microsoft.com/office/2006/metadata/properties"/>
    <ds:schemaRef ds:uri="4509648c-74db-4e07-8cc5-5462f742b81f"/>
    <ds:schemaRef ds:uri="http://schemas.microsoft.com/office/infopath/2007/PartnerControls"/>
    <ds:schemaRef ds:uri="http://schemas.openxmlformats.org/package/2006/metadata/core-properties"/>
    <ds:schemaRef ds:uri="d98c9973-610b-494f-80d4-07cfab7bd9d1"/>
  </ds:schemaRefs>
</ds:datastoreItem>
</file>

<file path=customXml/itemProps2.xml><?xml version="1.0" encoding="utf-8"?>
<ds:datastoreItem xmlns:ds="http://schemas.openxmlformats.org/officeDocument/2006/customXml" ds:itemID="{AB9B5827-77B9-4F14-9CDE-73340096681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98c9973-610b-494f-80d4-07cfab7bd9d1"/>
    <ds:schemaRef ds:uri="4509648c-74db-4e07-8cc5-5462f742b81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D48CE05A-EE3F-496A-8A54-C285733436B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9589</TotalTime>
  <Words>487</Words>
  <Application>Microsoft Office PowerPoint</Application>
  <PresentationFormat>On-screen Show (4:3)</PresentationFormat>
  <Paragraphs>160</Paragraphs>
  <Slides>1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1</vt:i4>
      </vt:variant>
    </vt:vector>
  </HeadingPairs>
  <TitlesOfParts>
    <vt:vector size="17" baseType="lpstr">
      <vt:lpstr>Arial</vt:lpstr>
      <vt:lpstr>Assistant ExtraBold</vt:lpstr>
      <vt:lpstr>Calibri</vt:lpstr>
      <vt:lpstr>Times New Roman</vt:lpstr>
      <vt:lpstr>ערכת נושא Office</vt:lpstr>
      <vt:lpstr>1_ערכת נושא Office</vt:lpstr>
      <vt:lpstr>הסימולציה המדינית-ביטחונית במחזור מ"ט</vt:lpstr>
      <vt:lpstr>הסימולציה המדינית-בטחונית במב"ל</vt:lpstr>
      <vt:lpstr>מטרות הסימולציה המדינית-ביטחונית</vt:lpstr>
      <vt:lpstr>קבוצות משתתפי מב"ל בסימולציה</vt:lpstr>
      <vt:lpstr>PowerPoint Presentation</vt:lpstr>
      <vt:lpstr>PowerPoint Presentation</vt:lpstr>
      <vt:lpstr>שחקני הסימולציה</vt:lpstr>
      <vt:lpstr> תפקידי מנהלת הסימולציה </vt:lpstr>
      <vt:lpstr>מערכת "קברנט"</vt:lpstr>
      <vt:lpstr>דגשים למנהלת</vt:lpstr>
      <vt:lpstr>דגשים למנהלת</vt:lpstr>
    </vt:vector>
  </TitlesOfParts>
  <Company>Grizli777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המכללה לביטחון לאומי</dc:title>
  <dc:creator>Eli</dc:creator>
  <cp:lastModifiedBy>מתן אור</cp:lastModifiedBy>
  <cp:revision>342</cp:revision>
  <cp:lastPrinted>2020-01-26T08:17:06Z</cp:lastPrinted>
  <dcterms:created xsi:type="dcterms:W3CDTF">2015-10-15T19:05:43Z</dcterms:created>
  <dcterms:modified xsi:type="dcterms:W3CDTF">2022-02-07T11:39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B446441837EA543A75788DB83E257C9</vt:lpwstr>
  </property>
  <property fmtid="{D5CDD505-2E9C-101B-9397-08002B2CF9AE}" pid="3" name="MSIP_Label_701b9bfc-c426-492e-a46c-1a922d5fe54b_Enabled">
    <vt:lpwstr>true</vt:lpwstr>
  </property>
  <property fmtid="{D5CDD505-2E9C-101B-9397-08002B2CF9AE}" pid="4" name="MSIP_Label_701b9bfc-c426-492e-a46c-1a922d5fe54b_SetDate">
    <vt:lpwstr>2022-01-16T04:56:49Z</vt:lpwstr>
  </property>
  <property fmtid="{D5CDD505-2E9C-101B-9397-08002B2CF9AE}" pid="5" name="MSIP_Label_701b9bfc-c426-492e-a46c-1a922d5fe54b_Method">
    <vt:lpwstr>Privileged</vt:lpwstr>
  </property>
  <property fmtid="{D5CDD505-2E9C-101B-9397-08002B2CF9AE}" pid="6" name="MSIP_Label_701b9bfc-c426-492e-a46c-1a922d5fe54b_Name">
    <vt:lpwstr>בלמ"ס</vt:lpwstr>
  </property>
  <property fmtid="{D5CDD505-2E9C-101B-9397-08002B2CF9AE}" pid="7" name="MSIP_Label_701b9bfc-c426-492e-a46c-1a922d5fe54b_SiteId">
    <vt:lpwstr>78820852-55fa-450b-908d-45c0d911e76b</vt:lpwstr>
  </property>
  <property fmtid="{D5CDD505-2E9C-101B-9397-08002B2CF9AE}" pid="8" name="MSIP_Label_701b9bfc-c426-492e-a46c-1a922d5fe54b_ActionId">
    <vt:lpwstr>347b6987-7973-49fd-97d8-0f69f60f6c7e</vt:lpwstr>
  </property>
  <property fmtid="{D5CDD505-2E9C-101B-9397-08002B2CF9AE}" pid="9" name="MSIP_Label_701b9bfc-c426-492e-a46c-1a922d5fe54b_ContentBits">
    <vt:lpwstr>1</vt:lpwstr>
  </property>
  <property fmtid="{D5CDD505-2E9C-101B-9397-08002B2CF9AE}" pid="10" name="ClassificationContentMarkingHeaderLocations">
    <vt:lpwstr>ערכת נושא Office:8</vt:lpwstr>
  </property>
  <property fmtid="{D5CDD505-2E9C-101B-9397-08002B2CF9AE}" pid="11" name="ClassificationContentMarkingHeaderText">
    <vt:lpwstr>- בלמ"ס -</vt:lpwstr>
  </property>
</Properties>
</file>